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9144000" cy="6858000" type="screen4x3"/>
  <p:notesSz cx="6858000" cy="9144000"/>
  <p:defaultTextStyle>
    <a:defPPr>
      <a:defRPr lang="es-UY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>
        <p:scale>
          <a:sx n="125" d="100"/>
          <a:sy n="125" d="100"/>
        </p:scale>
        <p:origin x="-486" y="102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UY"/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smtClean="0"/>
              <a:t>Haga clic para modificar el estilo de subtítulo del patrón</a:t>
            </a:r>
            <a:endParaRPr lang="es-UY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UY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UY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UY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UY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s-ES" smtClean="0"/>
              <a:t>Haga clic para modificar el estilo de título del patrón</a:t>
            </a:r>
            <a:endParaRPr lang="es-UY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UY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UY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UY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UY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UY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s-ES" smtClean="0"/>
              <a:t>Haga clic para modificar el estilo de título del patrón</a:t>
            </a:r>
            <a:endParaRPr lang="es-UY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UY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UY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UY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UY"/>
          </a:p>
        </p:txBody>
      </p:sp>
      <p:sp>
        <p:nvSpPr>
          <p:cNvPr id="5" name="4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6" name="5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UY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s-ES" smtClean="0"/>
              <a:t>Haga clic para modificar el estilo de título del patrón</a:t>
            </a:r>
            <a:endParaRPr lang="es-UY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UY"/>
          </a:p>
        </p:txBody>
      </p:sp>
      <p:sp>
        <p:nvSpPr>
          <p:cNvPr id="5" name="4 Marcador de texto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6" name="5 Marcador de contenido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UY"/>
          </a:p>
        </p:txBody>
      </p:sp>
      <p:sp>
        <p:nvSpPr>
          <p:cNvPr id="7" name="6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8" name="7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UY"/>
          </a:p>
        </p:txBody>
      </p:sp>
      <p:sp>
        <p:nvSpPr>
          <p:cNvPr id="9" name="8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UY"/>
          </a:p>
        </p:txBody>
      </p:sp>
      <p:sp>
        <p:nvSpPr>
          <p:cNvPr id="3" name="2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4" name="3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UY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3" name="2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UY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s-ES" smtClean="0"/>
              <a:t>Haga clic para modificar el estilo de título del patrón</a:t>
            </a:r>
            <a:endParaRPr lang="es-UY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UY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4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6" name="5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UY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s-ES" smtClean="0"/>
              <a:t>Haga clic para modificar el estilo de título del patrón</a:t>
            </a:r>
            <a:endParaRPr lang="es-UY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UY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4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6" name="5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UY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título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 smtClean="0"/>
              <a:t>Haga clic para modificar el estilo de título del patrón</a:t>
            </a:r>
            <a:endParaRPr lang="es-UY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s-UY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2956F30-24AB-487B-8991-47D3669088BC}" type="datetimeFigureOut">
              <a:rPr lang="es-UY" smtClean="0"/>
              <a:pPr/>
              <a:t>9/7/2017</a:t>
            </a:fld>
            <a:endParaRPr lang="es-UY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UY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49F17FB-6453-41A1-B631-90F932FECC3B}" type="slidenum">
              <a:rPr lang="es-UY" smtClean="0"/>
              <a:pPr/>
              <a:t>‹Nº›</a:t>
            </a:fld>
            <a:endParaRPr lang="es-UY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UY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hyperlink" Target="https://books.google.com.uy/books?id=ewETBszUB_sC&amp;pg=PA147&amp;lpg=PA147&amp;dq=habeas+corpus+inglaterra+1679&amp;source=bl&amp;ots=sqvq5p6vec&amp;sig=tiyUy-hLk6iWkpMPzfCp8R9gg0Y&amp;hl=es-419&amp;sa=X&amp;ved=0CCgQ6AEwAjgKahUKEwi4j4TIrZjJAhVMRSYKHeKmDHs" TargetMode="External"/><Relationship Id="rId84" Type="http://schemas.openxmlformats.org/officeDocument/2006/relationships/hyperlink" Target="http://www.biografiasyvidas.com/biografia/j/jacobo_i.htm" TargetMode="External"/><Relationship Id="rId89" Type="http://schemas.openxmlformats.org/officeDocument/2006/relationships/image" Target="../media/image6.jpeg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hyperlink" Target="http://elpais.com/diario/1988/09/30/opinion/591577210_850215.html" TargetMode="External"/><Relationship Id="rId79" Type="http://schemas.openxmlformats.org/officeDocument/2006/relationships/hyperlink" Target="http://csociales8.blogspot.com.uy/2007/08/actas-de-navegacion.html" TargetMode="External"/><Relationship Id="rId87" Type="http://schemas.openxmlformats.org/officeDocument/2006/relationships/image" Target="../media/image4.jpe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hyperlink" Target="http://jorgemachicado.blogspot.com.uy/2010/07/por.html" TargetMode="External"/><Relationship Id="rId90" Type="http://schemas.openxmlformats.org/officeDocument/2006/relationships/image" Target="../media/image7.jpeg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hyperlink" Target="http://www.biografiasyvidas.com/biografia/c/carlos_ii_de_inglaterra.htm" TargetMode="Externa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image" Target="../media/image1.jpeg"/><Relationship Id="rId80" Type="http://schemas.openxmlformats.org/officeDocument/2006/relationships/hyperlink" Target="http://juancarloslopezeisman.blogspot.com.uy/2012/10/es-decapitado-en-londres-el-rey-carlos.html" TargetMode="External"/><Relationship Id="rId85" Type="http://schemas.openxmlformats.org/officeDocument/2006/relationships/image" Target="../media/image2.jpe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hyperlink" Target="http://www.biografiasyvidas.com/biografia/j/jacobo_ii.htm" TargetMode="External"/><Relationship Id="rId83" Type="http://schemas.openxmlformats.org/officeDocument/2006/relationships/hyperlink" Target="http://www.biografiasyvidas.com/biografia/c/carlos_i.htm" TargetMode="External"/><Relationship Id="rId88" Type="http://schemas.openxmlformats.org/officeDocument/2006/relationships/image" Target="../media/image5.jpe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hyperlink" Target="http://jorgemachicado.blogspot.com.uy/2010/07/bor.html" TargetMode="External"/><Relationship Id="rId78" Type="http://schemas.openxmlformats.org/officeDocument/2006/relationships/hyperlink" Target="https://es.wikipedia.org/wiki/El_Protectorado" TargetMode="External"/><Relationship Id="rId81" Type="http://schemas.openxmlformats.org/officeDocument/2006/relationships/hyperlink" Target="http://www.ecured.cu/index.php/Carlos_I_de_Inglaterra" TargetMode="External"/><Relationship Id="rId86" Type="http://schemas.openxmlformats.org/officeDocument/2006/relationships/image" Target="../media/image3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http://2.bp.blogspot.com/-lvopJhJZULs/TjThKGKoUtI/AAAAAAAABSk/ZAasF7yqAuk/s1600/cabezacarlos1.jpg"/>
          <p:cNvPicPr>
            <a:picLocks noChangeAspect="1" noChangeArrowheads="1"/>
          </p:cNvPicPr>
          <p:nvPr/>
        </p:nvPicPr>
        <p:blipFill>
          <a:blip r:embed="rId72" cstate="print">
            <a:lum bright="64000" contrast="-81000"/>
          </a:blip>
          <a:srcRect/>
          <a:stretch>
            <a:fillRect/>
          </a:stretch>
        </p:blipFill>
        <p:spPr bwMode="auto">
          <a:xfrm>
            <a:off x="130174" y="614362"/>
            <a:ext cx="8829676" cy="4826892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cxnSp>
        <p:nvCxnSpPr>
          <p:cNvPr id="210" name="209 Conector recto"/>
          <p:cNvCxnSpPr/>
          <p:nvPr/>
        </p:nvCxnSpPr>
        <p:spPr>
          <a:xfrm>
            <a:off x="1187624" y="1484784"/>
            <a:ext cx="0" cy="158417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1" name="230 Conector recto"/>
          <p:cNvCxnSpPr/>
          <p:nvPr/>
        </p:nvCxnSpPr>
        <p:spPr>
          <a:xfrm flipH="1">
            <a:off x="2924984" y="1671320"/>
            <a:ext cx="6176" cy="139256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239 Conector recto"/>
          <p:cNvCxnSpPr/>
          <p:nvPr/>
        </p:nvCxnSpPr>
        <p:spPr>
          <a:xfrm flipH="1">
            <a:off x="3169920" y="3479800"/>
            <a:ext cx="5080" cy="64516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252 Conector recto"/>
          <p:cNvCxnSpPr/>
          <p:nvPr/>
        </p:nvCxnSpPr>
        <p:spPr>
          <a:xfrm>
            <a:off x="3251374" y="2416964"/>
            <a:ext cx="1096" cy="63357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267 Conector recto"/>
          <p:cNvCxnSpPr>
            <a:stCxn id="199" idx="2"/>
          </p:cNvCxnSpPr>
          <p:nvPr/>
        </p:nvCxnSpPr>
        <p:spPr>
          <a:xfrm>
            <a:off x="4085323" y="1838323"/>
            <a:ext cx="14237" cy="119951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285 Conector recto"/>
          <p:cNvCxnSpPr/>
          <p:nvPr/>
        </p:nvCxnSpPr>
        <p:spPr>
          <a:xfrm>
            <a:off x="4561840" y="3479800"/>
            <a:ext cx="0" cy="10033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300 Conector recto"/>
          <p:cNvCxnSpPr/>
          <p:nvPr/>
        </p:nvCxnSpPr>
        <p:spPr>
          <a:xfrm>
            <a:off x="4804584" y="1365250"/>
            <a:ext cx="0" cy="150622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" name="313 Conector recto"/>
          <p:cNvCxnSpPr/>
          <p:nvPr/>
        </p:nvCxnSpPr>
        <p:spPr>
          <a:xfrm>
            <a:off x="4967144" y="3445664"/>
            <a:ext cx="1096" cy="31861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0" name="339 Conector recto"/>
          <p:cNvCxnSpPr/>
          <p:nvPr/>
        </p:nvCxnSpPr>
        <p:spPr>
          <a:xfrm>
            <a:off x="5123354" y="2286000"/>
            <a:ext cx="0" cy="5715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" name="346 Conector recto"/>
          <p:cNvCxnSpPr/>
          <p:nvPr/>
        </p:nvCxnSpPr>
        <p:spPr>
          <a:xfrm>
            <a:off x="5673264" y="3455824"/>
            <a:ext cx="24972" cy="132572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" name="354 Conector recto"/>
          <p:cNvCxnSpPr/>
          <p:nvPr/>
        </p:nvCxnSpPr>
        <p:spPr>
          <a:xfrm>
            <a:off x="7146464" y="3460904"/>
            <a:ext cx="1096" cy="70469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" name="363 Conector recto"/>
          <p:cNvCxnSpPr/>
          <p:nvPr/>
        </p:nvCxnSpPr>
        <p:spPr>
          <a:xfrm>
            <a:off x="7613824" y="3476144"/>
            <a:ext cx="11256" cy="134985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" name="376 Conector recto"/>
          <p:cNvCxnSpPr/>
          <p:nvPr/>
        </p:nvCxnSpPr>
        <p:spPr>
          <a:xfrm>
            <a:off x="7846234" y="2230274"/>
            <a:ext cx="1096" cy="62341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" name="383 Conector recto"/>
          <p:cNvCxnSpPr/>
          <p:nvPr/>
        </p:nvCxnSpPr>
        <p:spPr>
          <a:xfrm>
            <a:off x="7942580" y="1497330"/>
            <a:ext cx="0" cy="132588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1" name="390 CuadroTexto"/>
          <p:cNvSpPr txBox="1"/>
          <p:nvPr/>
        </p:nvSpPr>
        <p:spPr>
          <a:xfrm>
            <a:off x="3213100" y="112183"/>
            <a:ext cx="295395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UY" sz="2800" b="1" dirty="0" smtClean="0">
                <a:solidFill>
                  <a:srgbClr val="FF0000"/>
                </a:solidFill>
                <a:cs typeface="Aharoni" pitchFamily="2" charset="-79"/>
              </a:rPr>
              <a:t>Revolución Inglesa</a:t>
            </a:r>
            <a:endParaRPr lang="es-UY" sz="2800" b="1" dirty="0">
              <a:solidFill>
                <a:srgbClr val="FF0000"/>
              </a:solidFill>
              <a:cs typeface="Aharoni" pitchFamily="2" charset="-79"/>
            </a:endParaRPr>
          </a:p>
        </p:txBody>
      </p:sp>
      <p:sp>
        <p:nvSpPr>
          <p:cNvPr id="83" name="82 Rectángulo"/>
          <p:cNvSpPr/>
          <p:nvPr>
            <p:custDataLst>
              <p:tags r:id="rId2"/>
            </p:custDataLst>
          </p:nvPr>
        </p:nvSpPr>
        <p:spPr>
          <a:xfrm>
            <a:off x="1188720" y="3048000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>
            <a:noFill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87" name="86 CuadroTexto"/>
          <p:cNvSpPr txBox="1"/>
          <p:nvPr>
            <p:custDataLst>
              <p:tags r:id="rId3"/>
            </p:custDataLst>
          </p:nvPr>
        </p:nvSpPr>
        <p:spPr>
          <a:xfrm>
            <a:off x="464163" y="3048000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s-UY" b="1" smtClean="0">
                <a:solidFill>
                  <a:srgbClr val="FF4500"/>
                </a:solidFill>
              </a:rPr>
              <a:t>1603</a:t>
            </a:r>
            <a:endParaRPr lang="es-UY" b="1">
              <a:solidFill>
                <a:srgbClr val="FF4500"/>
              </a:solidFill>
            </a:endParaRPr>
          </a:p>
        </p:txBody>
      </p:sp>
      <p:sp>
        <p:nvSpPr>
          <p:cNvPr id="91" name="90 CuadroTexto"/>
          <p:cNvSpPr txBox="1"/>
          <p:nvPr>
            <p:custDataLst>
              <p:tags r:id="rId4"/>
            </p:custDataLst>
          </p:nvPr>
        </p:nvSpPr>
        <p:spPr>
          <a:xfrm>
            <a:off x="1188720" y="3048000"/>
            <a:ext cx="61514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s-UY" sz="1200" smtClean="0">
                <a:solidFill>
                  <a:schemeClr val="bg1"/>
                </a:solidFill>
                <a:latin typeface="Calibri"/>
              </a:rPr>
              <a:t>1603</a:t>
            </a:r>
            <a:endParaRPr lang="es-UY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95" name="94 Conector recto"/>
          <p:cNvCxnSpPr/>
          <p:nvPr>
            <p:custDataLst>
              <p:tags r:id="rId5"/>
            </p:custDataLst>
          </p:nvPr>
        </p:nvCxnSpPr>
        <p:spPr>
          <a:xfrm>
            <a:off x="180386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96 CuadroTexto"/>
          <p:cNvSpPr txBox="1"/>
          <p:nvPr>
            <p:custDataLst>
              <p:tags r:id="rId6"/>
            </p:custDataLst>
          </p:nvPr>
        </p:nvSpPr>
        <p:spPr>
          <a:xfrm>
            <a:off x="1803861" y="3048000"/>
            <a:ext cx="61514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s-UY" sz="1200" smtClean="0">
                <a:solidFill>
                  <a:schemeClr val="bg1"/>
                </a:solidFill>
                <a:latin typeface="Calibri"/>
              </a:rPr>
              <a:t>1611</a:t>
            </a:r>
            <a:endParaRPr lang="es-UY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101" name="100 Conector recto"/>
          <p:cNvCxnSpPr/>
          <p:nvPr>
            <p:custDataLst>
              <p:tags r:id="rId7"/>
            </p:custDataLst>
          </p:nvPr>
        </p:nvCxnSpPr>
        <p:spPr>
          <a:xfrm>
            <a:off x="2419003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102 CuadroTexto"/>
          <p:cNvSpPr txBox="1"/>
          <p:nvPr>
            <p:custDataLst>
              <p:tags r:id="rId8"/>
            </p:custDataLst>
          </p:nvPr>
        </p:nvSpPr>
        <p:spPr>
          <a:xfrm>
            <a:off x="2419003" y="3048000"/>
            <a:ext cx="61514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s-UY" sz="1200" smtClean="0">
                <a:solidFill>
                  <a:schemeClr val="bg1"/>
                </a:solidFill>
                <a:latin typeface="Calibri"/>
              </a:rPr>
              <a:t>1619</a:t>
            </a:r>
            <a:endParaRPr lang="es-UY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107" name="106 Conector recto"/>
          <p:cNvCxnSpPr/>
          <p:nvPr>
            <p:custDataLst>
              <p:tags r:id="rId9"/>
            </p:custDataLst>
          </p:nvPr>
        </p:nvCxnSpPr>
        <p:spPr>
          <a:xfrm>
            <a:off x="303414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108 CuadroTexto"/>
          <p:cNvSpPr txBox="1"/>
          <p:nvPr>
            <p:custDataLst>
              <p:tags r:id="rId10"/>
            </p:custDataLst>
          </p:nvPr>
        </p:nvSpPr>
        <p:spPr>
          <a:xfrm>
            <a:off x="3034145" y="3048000"/>
            <a:ext cx="61514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s-UY" sz="1200" smtClean="0">
                <a:solidFill>
                  <a:schemeClr val="bg1"/>
                </a:solidFill>
                <a:latin typeface="Calibri"/>
              </a:rPr>
              <a:t>1627</a:t>
            </a:r>
            <a:endParaRPr lang="es-UY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113" name="112 Conector recto"/>
          <p:cNvCxnSpPr/>
          <p:nvPr>
            <p:custDataLst>
              <p:tags r:id="rId11"/>
            </p:custDataLst>
          </p:nvPr>
        </p:nvCxnSpPr>
        <p:spPr>
          <a:xfrm>
            <a:off x="3649287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114 CuadroTexto"/>
          <p:cNvSpPr txBox="1"/>
          <p:nvPr>
            <p:custDataLst>
              <p:tags r:id="rId12"/>
            </p:custDataLst>
          </p:nvPr>
        </p:nvSpPr>
        <p:spPr>
          <a:xfrm>
            <a:off x="3649287" y="3048000"/>
            <a:ext cx="61514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s-UY" sz="1200" smtClean="0">
                <a:solidFill>
                  <a:schemeClr val="bg1"/>
                </a:solidFill>
                <a:latin typeface="Calibri"/>
              </a:rPr>
              <a:t>1635</a:t>
            </a:r>
            <a:endParaRPr lang="es-UY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119" name="118 Conector recto"/>
          <p:cNvCxnSpPr/>
          <p:nvPr>
            <p:custDataLst>
              <p:tags r:id="rId13"/>
            </p:custDataLst>
          </p:nvPr>
        </p:nvCxnSpPr>
        <p:spPr>
          <a:xfrm>
            <a:off x="426442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120 CuadroTexto"/>
          <p:cNvSpPr txBox="1"/>
          <p:nvPr>
            <p:custDataLst>
              <p:tags r:id="rId14"/>
            </p:custDataLst>
          </p:nvPr>
        </p:nvSpPr>
        <p:spPr>
          <a:xfrm>
            <a:off x="4264429" y="3048000"/>
            <a:ext cx="61514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s-UY" sz="1200" smtClean="0">
                <a:solidFill>
                  <a:schemeClr val="bg1"/>
                </a:solidFill>
                <a:latin typeface="Calibri"/>
              </a:rPr>
              <a:t>1643</a:t>
            </a:r>
            <a:endParaRPr lang="es-UY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124" name="123 Conector recto"/>
          <p:cNvCxnSpPr/>
          <p:nvPr>
            <p:custDataLst>
              <p:tags r:id="rId15"/>
            </p:custDataLst>
          </p:nvPr>
        </p:nvCxnSpPr>
        <p:spPr>
          <a:xfrm>
            <a:off x="487957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124 CuadroTexto"/>
          <p:cNvSpPr txBox="1"/>
          <p:nvPr>
            <p:custDataLst>
              <p:tags r:id="rId16"/>
            </p:custDataLst>
          </p:nvPr>
        </p:nvSpPr>
        <p:spPr>
          <a:xfrm>
            <a:off x="4879571" y="3048000"/>
            <a:ext cx="61514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s-UY" sz="1200" smtClean="0">
                <a:solidFill>
                  <a:schemeClr val="bg1"/>
                </a:solidFill>
                <a:latin typeface="Calibri"/>
              </a:rPr>
              <a:t>1651</a:t>
            </a:r>
            <a:endParaRPr lang="es-UY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127" name="126 Conector recto"/>
          <p:cNvCxnSpPr/>
          <p:nvPr>
            <p:custDataLst>
              <p:tags r:id="rId17"/>
            </p:custDataLst>
          </p:nvPr>
        </p:nvCxnSpPr>
        <p:spPr>
          <a:xfrm>
            <a:off x="549471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127 CuadroTexto"/>
          <p:cNvSpPr txBox="1"/>
          <p:nvPr>
            <p:custDataLst>
              <p:tags r:id="rId18"/>
            </p:custDataLst>
          </p:nvPr>
        </p:nvSpPr>
        <p:spPr>
          <a:xfrm>
            <a:off x="5494712" y="3048000"/>
            <a:ext cx="61514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s-UY" sz="1200" smtClean="0">
                <a:solidFill>
                  <a:schemeClr val="bg1"/>
                </a:solidFill>
                <a:latin typeface="Calibri"/>
              </a:rPr>
              <a:t>1659</a:t>
            </a:r>
            <a:endParaRPr lang="es-UY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130" name="129 Conector recto"/>
          <p:cNvCxnSpPr/>
          <p:nvPr>
            <p:custDataLst>
              <p:tags r:id="rId19"/>
            </p:custDataLst>
          </p:nvPr>
        </p:nvCxnSpPr>
        <p:spPr>
          <a:xfrm>
            <a:off x="610985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1" name="130 CuadroTexto"/>
          <p:cNvSpPr txBox="1"/>
          <p:nvPr>
            <p:custDataLst>
              <p:tags r:id="rId20"/>
            </p:custDataLst>
          </p:nvPr>
        </p:nvSpPr>
        <p:spPr>
          <a:xfrm>
            <a:off x="6109854" y="3048000"/>
            <a:ext cx="61514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s-UY" sz="1200" smtClean="0">
                <a:solidFill>
                  <a:schemeClr val="bg1"/>
                </a:solidFill>
                <a:latin typeface="Calibri"/>
              </a:rPr>
              <a:t>1667</a:t>
            </a:r>
            <a:endParaRPr lang="es-UY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133" name="132 Conector recto"/>
          <p:cNvCxnSpPr/>
          <p:nvPr>
            <p:custDataLst>
              <p:tags r:id="rId21"/>
            </p:custDataLst>
          </p:nvPr>
        </p:nvCxnSpPr>
        <p:spPr>
          <a:xfrm>
            <a:off x="6724996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4" name="133 CuadroTexto"/>
          <p:cNvSpPr txBox="1"/>
          <p:nvPr>
            <p:custDataLst>
              <p:tags r:id="rId22"/>
            </p:custDataLst>
          </p:nvPr>
        </p:nvSpPr>
        <p:spPr>
          <a:xfrm>
            <a:off x="6724996" y="3048000"/>
            <a:ext cx="61514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s-UY" sz="1200" smtClean="0">
                <a:solidFill>
                  <a:schemeClr val="bg1"/>
                </a:solidFill>
                <a:latin typeface="Calibri"/>
              </a:rPr>
              <a:t>1675</a:t>
            </a:r>
            <a:endParaRPr lang="es-UY" sz="1200">
              <a:solidFill>
                <a:schemeClr val="bg1"/>
              </a:solidFill>
              <a:latin typeface="Calibri"/>
            </a:endParaRPr>
          </a:p>
        </p:txBody>
      </p:sp>
      <p:cxnSp>
        <p:nvCxnSpPr>
          <p:cNvPr id="136" name="135 Conector recto"/>
          <p:cNvCxnSpPr/>
          <p:nvPr>
            <p:custDataLst>
              <p:tags r:id="rId23"/>
            </p:custDataLst>
          </p:nvPr>
        </p:nvCxnSpPr>
        <p:spPr>
          <a:xfrm>
            <a:off x="734013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136 CuadroTexto"/>
          <p:cNvSpPr txBox="1"/>
          <p:nvPr>
            <p:custDataLst>
              <p:tags r:id="rId24"/>
            </p:custDataLst>
          </p:nvPr>
        </p:nvSpPr>
        <p:spPr>
          <a:xfrm>
            <a:off x="7340138" y="3048000"/>
            <a:ext cx="61514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s-UY" sz="1200" smtClean="0">
                <a:solidFill>
                  <a:schemeClr val="bg1"/>
                </a:solidFill>
                <a:latin typeface="Calibri"/>
              </a:rPr>
              <a:t>1683</a:t>
            </a:r>
            <a:endParaRPr lang="es-UY" sz="1200">
              <a:solidFill>
                <a:schemeClr val="bg1"/>
              </a:solidFill>
              <a:latin typeface="Calibri"/>
            </a:endParaRPr>
          </a:p>
        </p:txBody>
      </p:sp>
      <p:sp>
        <p:nvSpPr>
          <p:cNvPr id="139" name="138 CuadroTexto"/>
          <p:cNvSpPr txBox="1"/>
          <p:nvPr>
            <p:custDataLst>
              <p:tags r:id="rId25"/>
            </p:custDataLst>
          </p:nvPr>
        </p:nvSpPr>
        <p:spPr>
          <a:xfrm>
            <a:off x="7955280" y="3048000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s-UY" b="1" smtClean="0">
                <a:solidFill>
                  <a:srgbClr val="FF4500"/>
                </a:solidFill>
              </a:rPr>
              <a:t>1689</a:t>
            </a:r>
            <a:endParaRPr lang="es-UY" b="1">
              <a:solidFill>
                <a:srgbClr val="FF4500"/>
              </a:solidFill>
            </a:endParaRPr>
          </a:p>
        </p:txBody>
      </p:sp>
      <p:sp>
        <p:nvSpPr>
          <p:cNvPr id="141" name="140 Triángulo isósceles"/>
          <p:cNvSpPr/>
          <p:nvPr>
            <p:custDataLst>
              <p:tags r:id="rId26"/>
            </p:custDataLst>
          </p:nvPr>
        </p:nvSpPr>
        <p:spPr>
          <a:xfrm rot="10800000">
            <a:off x="7813510" y="2857500"/>
            <a:ext cx="228600" cy="254000"/>
          </a:xfrm>
          <a:prstGeom prst="triangle">
            <a:avLst/>
          </a:prstGeom>
          <a:solidFill>
            <a:schemeClr val="tx2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143" name="142 CuadroTexto">
            <a:hlinkClick r:id="rId73"/>
          </p:cNvPr>
          <p:cNvSpPr txBox="1"/>
          <p:nvPr>
            <p:custDataLst>
              <p:tags r:id="rId27"/>
            </p:custDataLst>
          </p:nvPr>
        </p:nvSpPr>
        <p:spPr>
          <a:xfrm>
            <a:off x="7135647" y="906696"/>
            <a:ext cx="1533525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Declaración de Derechos - Reinan Guillermo de Orange y María.</a:t>
            </a:r>
            <a:endParaRPr lang="es-UY" sz="1100" b="1" dirty="0"/>
          </a:p>
        </p:txBody>
      </p:sp>
      <p:sp>
        <p:nvSpPr>
          <p:cNvPr id="145" name="144 CuadroTexto"/>
          <p:cNvSpPr txBox="1"/>
          <p:nvPr>
            <p:custDataLst>
              <p:tags r:id="rId28"/>
            </p:custDataLst>
          </p:nvPr>
        </p:nvSpPr>
        <p:spPr>
          <a:xfrm>
            <a:off x="7816360" y="1335185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89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147" name="146 Triángulo isósceles"/>
          <p:cNvSpPr/>
          <p:nvPr>
            <p:custDataLst>
              <p:tags r:id="rId29"/>
            </p:custDataLst>
          </p:nvPr>
        </p:nvSpPr>
        <p:spPr>
          <a:xfrm rot="10800000">
            <a:off x="7734296" y="2857500"/>
            <a:ext cx="228600" cy="254000"/>
          </a:xfrm>
          <a:prstGeom prst="triangle">
            <a:avLst/>
          </a:prstGeom>
          <a:solidFill>
            <a:schemeClr val="accent6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149" name="148 CuadroTexto">
            <a:hlinkClick r:id="rId74"/>
          </p:cNvPr>
          <p:cNvSpPr txBox="1"/>
          <p:nvPr>
            <p:custDataLst>
              <p:tags r:id="rId30"/>
            </p:custDataLst>
          </p:nvPr>
        </p:nvSpPr>
        <p:spPr>
          <a:xfrm>
            <a:off x="7419971" y="1818888"/>
            <a:ext cx="708029" cy="27661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Revolución Gloriosa</a:t>
            </a:r>
            <a:endParaRPr lang="es-UY" sz="1100" b="1" dirty="0"/>
          </a:p>
        </p:txBody>
      </p:sp>
      <p:sp>
        <p:nvSpPr>
          <p:cNvPr id="151" name="150 CuadroTexto"/>
          <p:cNvSpPr txBox="1"/>
          <p:nvPr>
            <p:custDataLst>
              <p:tags r:id="rId31"/>
            </p:custDataLst>
          </p:nvPr>
        </p:nvSpPr>
        <p:spPr>
          <a:xfrm>
            <a:off x="7689521" y="2074959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88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153" name="152 Triángulo isósceles"/>
          <p:cNvSpPr/>
          <p:nvPr>
            <p:custDataLst>
              <p:tags r:id="rId32"/>
            </p:custDataLst>
          </p:nvPr>
        </p:nvSpPr>
        <p:spPr>
          <a:xfrm rot="10800000">
            <a:off x="7512125" y="4806950"/>
            <a:ext cx="228600" cy="254000"/>
          </a:xfrm>
          <a:prstGeom prst="triangle">
            <a:avLst/>
          </a:prstGeom>
          <a:solidFill>
            <a:schemeClr val="accent5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155" name="154 CuadroTexto">
            <a:hlinkClick r:id="rId75"/>
          </p:cNvPr>
          <p:cNvSpPr txBox="1"/>
          <p:nvPr>
            <p:custDataLst>
              <p:tags r:id="rId33"/>
            </p:custDataLst>
          </p:nvPr>
        </p:nvSpPr>
        <p:spPr>
          <a:xfrm>
            <a:off x="7067625" y="5251063"/>
            <a:ext cx="1130300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Coronado Jacobo II</a:t>
            </a:r>
            <a:endParaRPr lang="es-UY" sz="1100" b="1" dirty="0"/>
          </a:p>
        </p:txBody>
      </p:sp>
      <p:sp>
        <p:nvSpPr>
          <p:cNvPr id="157" name="156 CuadroTexto"/>
          <p:cNvSpPr txBox="1"/>
          <p:nvPr>
            <p:custDataLst>
              <p:tags r:id="rId34"/>
            </p:custDataLst>
          </p:nvPr>
        </p:nvSpPr>
        <p:spPr>
          <a:xfrm>
            <a:off x="7502275" y="5088034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85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159" name="158 Triángulo isósceles"/>
          <p:cNvSpPr/>
          <p:nvPr>
            <p:custDataLst>
              <p:tags r:id="rId35"/>
            </p:custDataLst>
          </p:nvPr>
        </p:nvSpPr>
        <p:spPr>
          <a:xfrm rot="10800000">
            <a:off x="7031173" y="4159250"/>
            <a:ext cx="228600" cy="254000"/>
          </a:xfrm>
          <a:prstGeom prst="triangle">
            <a:avLst/>
          </a:prstGeom>
          <a:solidFill>
            <a:schemeClr val="accent4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161" name="160 CuadroTexto">
            <a:hlinkClick r:id="rId76"/>
          </p:cNvPr>
          <p:cNvSpPr txBox="1"/>
          <p:nvPr>
            <p:custDataLst>
              <p:tags r:id="rId36"/>
            </p:custDataLst>
          </p:nvPr>
        </p:nvSpPr>
        <p:spPr>
          <a:xfrm>
            <a:off x="6727960" y="4590663"/>
            <a:ext cx="892175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Habeas Corpus</a:t>
            </a:r>
            <a:endParaRPr lang="es-UY" sz="1100" b="1" dirty="0"/>
          </a:p>
        </p:txBody>
      </p:sp>
      <p:sp>
        <p:nvSpPr>
          <p:cNvPr id="163" name="162 CuadroTexto"/>
          <p:cNvSpPr txBox="1"/>
          <p:nvPr>
            <p:custDataLst>
              <p:tags r:id="rId37"/>
            </p:custDataLst>
          </p:nvPr>
        </p:nvSpPr>
        <p:spPr>
          <a:xfrm>
            <a:off x="7006560" y="4430809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79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165" name="164 Triángulo isósceles"/>
          <p:cNvSpPr/>
          <p:nvPr>
            <p:custDataLst>
              <p:tags r:id="rId38"/>
            </p:custDataLst>
          </p:nvPr>
        </p:nvSpPr>
        <p:spPr>
          <a:xfrm rot="10800000">
            <a:off x="5596549" y="4813300"/>
            <a:ext cx="228600" cy="254000"/>
          </a:xfrm>
          <a:prstGeom prst="triangle">
            <a:avLst/>
          </a:prstGeom>
          <a:solidFill>
            <a:schemeClr val="accent3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167" name="166 CuadroTexto">
            <a:hlinkClick r:id="rId77"/>
          </p:cNvPr>
          <p:cNvSpPr txBox="1"/>
          <p:nvPr>
            <p:custDataLst>
              <p:tags r:id="rId39"/>
            </p:custDataLst>
          </p:nvPr>
        </p:nvSpPr>
        <p:spPr>
          <a:xfrm>
            <a:off x="5098074" y="5265971"/>
            <a:ext cx="1428750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Restauración de los Estuardo: Carlos II - Test </a:t>
            </a:r>
            <a:r>
              <a:rPr lang="es-UY" sz="1100" b="1" dirty="0" err="1" smtClean="0"/>
              <a:t>Act</a:t>
            </a:r>
            <a:r>
              <a:rPr lang="es-UY" sz="1100" b="1" dirty="0" smtClean="0"/>
              <a:t> y Bill de exclusión.</a:t>
            </a:r>
            <a:endParaRPr lang="es-UY" sz="1100" b="1" dirty="0"/>
          </a:p>
        </p:txBody>
      </p:sp>
      <p:sp>
        <p:nvSpPr>
          <p:cNvPr id="169" name="168 CuadroTexto"/>
          <p:cNvSpPr txBox="1"/>
          <p:nvPr>
            <p:custDataLst>
              <p:tags r:id="rId40"/>
            </p:custDataLst>
          </p:nvPr>
        </p:nvSpPr>
        <p:spPr>
          <a:xfrm>
            <a:off x="5589874" y="5059460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60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171" name="170 Triángulo isósceles"/>
          <p:cNvSpPr/>
          <p:nvPr>
            <p:custDataLst>
              <p:tags r:id="rId41"/>
            </p:custDataLst>
          </p:nvPr>
        </p:nvSpPr>
        <p:spPr>
          <a:xfrm rot="10800000">
            <a:off x="5006123" y="2857500"/>
            <a:ext cx="228600" cy="254000"/>
          </a:xfrm>
          <a:prstGeom prst="triangle">
            <a:avLst/>
          </a:prstGeom>
          <a:solidFill>
            <a:schemeClr val="accent2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173" name="172 CuadroTexto">
            <a:hlinkClick r:id="rId78"/>
          </p:cNvPr>
          <p:cNvSpPr txBox="1"/>
          <p:nvPr>
            <p:custDataLst>
              <p:tags r:id="rId42"/>
            </p:custDataLst>
          </p:nvPr>
        </p:nvSpPr>
        <p:spPr>
          <a:xfrm>
            <a:off x="4769585" y="1837357"/>
            <a:ext cx="869215" cy="2708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Dictadura de </a:t>
            </a:r>
            <a:r>
              <a:rPr lang="es-UY" sz="1100" b="1" dirty="0" err="1" smtClean="0"/>
              <a:t>Cromwell</a:t>
            </a:r>
            <a:endParaRPr lang="es-UY" sz="1100" b="1" dirty="0"/>
          </a:p>
        </p:txBody>
      </p:sp>
      <p:sp>
        <p:nvSpPr>
          <p:cNvPr id="175" name="174 CuadroTexto"/>
          <p:cNvSpPr txBox="1"/>
          <p:nvPr>
            <p:custDataLst>
              <p:tags r:id="rId43"/>
            </p:custDataLst>
          </p:nvPr>
        </p:nvSpPr>
        <p:spPr>
          <a:xfrm>
            <a:off x="4989923" y="2109884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53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177" name="176 Triángulo isósceles"/>
          <p:cNvSpPr/>
          <p:nvPr>
            <p:custDataLst>
              <p:tags r:id="rId44"/>
            </p:custDataLst>
          </p:nvPr>
        </p:nvSpPr>
        <p:spPr>
          <a:xfrm rot="10800000">
            <a:off x="4868024" y="3765550"/>
            <a:ext cx="228600" cy="254000"/>
          </a:xfrm>
          <a:prstGeom prst="triangle">
            <a:avLst/>
          </a:prstGeom>
          <a:solidFill>
            <a:schemeClr val="accent1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179" name="178 CuadroTexto">
            <a:hlinkClick r:id="rId79"/>
          </p:cNvPr>
          <p:cNvSpPr txBox="1"/>
          <p:nvPr>
            <p:custDataLst>
              <p:tags r:id="rId45"/>
            </p:custDataLst>
          </p:nvPr>
        </p:nvSpPr>
        <p:spPr>
          <a:xfrm>
            <a:off x="4528299" y="4161456"/>
            <a:ext cx="900951" cy="2708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Acta de Navegación</a:t>
            </a:r>
            <a:endParaRPr lang="es-UY" sz="1100" b="1" dirty="0"/>
          </a:p>
        </p:txBody>
      </p:sp>
      <p:sp>
        <p:nvSpPr>
          <p:cNvPr id="181" name="180 CuadroTexto"/>
          <p:cNvSpPr txBox="1"/>
          <p:nvPr>
            <p:custDataLst>
              <p:tags r:id="rId46"/>
            </p:custDataLst>
          </p:nvPr>
        </p:nvSpPr>
        <p:spPr>
          <a:xfrm>
            <a:off x="4854999" y="4027584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51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183" name="182 Triángulo isósceles"/>
          <p:cNvSpPr/>
          <p:nvPr>
            <p:custDataLst>
              <p:tags r:id="rId47"/>
            </p:custDataLst>
          </p:nvPr>
        </p:nvSpPr>
        <p:spPr>
          <a:xfrm rot="10800000">
            <a:off x="4692039" y="2857500"/>
            <a:ext cx="228600" cy="254000"/>
          </a:xfrm>
          <a:prstGeom prst="triangle">
            <a:avLst/>
          </a:prstGeom>
          <a:solidFill>
            <a:schemeClr val="tx2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185" name="184 CuadroTexto">
            <a:hlinkClick r:id="rId80"/>
          </p:cNvPr>
          <p:cNvSpPr txBox="1"/>
          <p:nvPr>
            <p:custDataLst>
              <p:tags r:id="rId48"/>
            </p:custDataLst>
          </p:nvPr>
        </p:nvSpPr>
        <p:spPr>
          <a:xfrm>
            <a:off x="4084820" y="709846"/>
            <a:ext cx="1462087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Decapitación de Carlos I- Nace la República (Commonwealth)</a:t>
            </a:r>
            <a:endParaRPr lang="es-UY" sz="1100" b="1" dirty="0"/>
          </a:p>
        </p:txBody>
      </p:sp>
      <p:sp>
        <p:nvSpPr>
          <p:cNvPr id="187" name="186 CuadroTexto"/>
          <p:cNvSpPr txBox="1"/>
          <p:nvPr>
            <p:custDataLst>
              <p:tags r:id="rId49"/>
            </p:custDataLst>
          </p:nvPr>
        </p:nvSpPr>
        <p:spPr>
          <a:xfrm>
            <a:off x="4667426" y="1147860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49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189" name="188 Triángulo isósceles"/>
          <p:cNvSpPr/>
          <p:nvPr>
            <p:custDataLst>
              <p:tags r:id="rId50"/>
            </p:custDataLst>
          </p:nvPr>
        </p:nvSpPr>
        <p:spPr>
          <a:xfrm rot="10800000">
            <a:off x="4444467" y="4502150"/>
            <a:ext cx="228600" cy="254000"/>
          </a:xfrm>
          <a:prstGeom prst="triangle">
            <a:avLst/>
          </a:prstGeom>
          <a:solidFill>
            <a:schemeClr val="accent6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191" name="190 CuadroTexto"/>
          <p:cNvSpPr txBox="1"/>
          <p:nvPr>
            <p:custDataLst>
              <p:tags r:id="rId51"/>
            </p:custDataLst>
          </p:nvPr>
        </p:nvSpPr>
        <p:spPr>
          <a:xfrm>
            <a:off x="4235711" y="4923456"/>
            <a:ext cx="710939" cy="2708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Carlos I es derrotado</a:t>
            </a:r>
            <a:endParaRPr lang="es-UY" sz="1100" b="1" dirty="0"/>
          </a:p>
        </p:txBody>
      </p:sp>
      <p:sp>
        <p:nvSpPr>
          <p:cNvPr id="193" name="192 CuadroTexto"/>
          <p:cNvSpPr txBox="1"/>
          <p:nvPr>
            <p:custDataLst>
              <p:tags r:id="rId52"/>
            </p:custDataLst>
          </p:nvPr>
        </p:nvSpPr>
        <p:spPr>
          <a:xfrm>
            <a:off x="4437792" y="4761009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46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195" name="194 Triángulo isósceles"/>
          <p:cNvSpPr/>
          <p:nvPr>
            <p:custDataLst>
              <p:tags r:id="rId53"/>
            </p:custDataLst>
          </p:nvPr>
        </p:nvSpPr>
        <p:spPr>
          <a:xfrm rot="10800000">
            <a:off x="3989127" y="2857500"/>
            <a:ext cx="228600" cy="254000"/>
          </a:xfrm>
          <a:prstGeom prst="triangle">
            <a:avLst/>
          </a:prstGeom>
          <a:solidFill>
            <a:schemeClr val="accent5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197" name="196 CuadroTexto"/>
          <p:cNvSpPr txBox="1"/>
          <p:nvPr>
            <p:custDataLst>
              <p:tags r:id="rId54"/>
            </p:custDataLst>
          </p:nvPr>
        </p:nvSpPr>
        <p:spPr>
          <a:xfrm>
            <a:off x="3405721" y="1281346"/>
            <a:ext cx="1350962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Rebelión escocesa: Finaliza el gobierno sin Parlamento de Carlos I</a:t>
            </a:r>
            <a:endParaRPr lang="es-UY" sz="1100" b="1" dirty="0"/>
          </a:p>
        </p:txBody>
      </p:sp>
      <p:sp>
        <p:nvSpPr>
          <p:cNvPr id="199" name="198 CuadroTexto"/>
          <p:cNvSpPr txBox="1"/>
          <p:nvPr>
            <p:custDataLst>
              <p:tags r:id="rId55"/>
            </p:custDataLst>
          </p:nvPr>
        </p:nvSpPr>
        <p:spPr>
          <a:xfrm>
            <a:off x="3953877" y="1684435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40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201" name="200 Triángulo isósceles"/>
          <p:cNvSpPr/>
          <p:nvPr>
            <p:custDataLst>
              <p:tags r:id="rId56"/>
            </p:custDataLst>
          </p:nvPr>
        </p:nvSpPr>
        <p:spPr>
          <a:xfrm rot="10800000">
            <a:off x="3132047" y="2857500"/>
            <a:ext cx="228601" cy="254000"/>
          </a:xfrm>
          <a:prstGeom prst="triangle">
            <a:avLst/>
          </a:prstGeom>
          <a:solidFill>
            <a:schemeClr val="accent4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203" name="202 CuadroTexto">
            <a:hlinkClick r:id="rId81"/>
          </p:cNvPr>
          <p:cNvSpPr txBox="1"/>
          <p:nvPr>
            <p:custDataLst>
              <p:tags r:id="rId57"/>
            </p:custDataLst>
          </p:nvPr>
        </p:nvSpPr>
        <p:spPr>
          <a:xfrm>
            <a:off x="2866141" y="1757639"/>
            <a:ext cx="835909" cy="54168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Inicio del Gobierno personal de Carlos I</a:t>
            </a:r>
            <a:endParaRPr lang="es-UY" sz="1100" b="1" dirty="0"/>
          </a:p>
        </p:txBody>
      </p:sp>
      <p:sp>
        <p:nvSpPr>
          <p:cNvPr id="205" name="204 CuadroTexto"/>
          <p:cNvSpPr txBox="1"/>
          <p:nvPr>
            <p:custDataLst>
              <p:tags r:id="rId58"/>
            </p:custDataLst>
          </p:nvPr>
        </p:nvSpPr>
        <p:spPr>
          <a:xfrm>
            <a:off x="3112673" y="2287684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29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207" name="206 Triángulo isósceles"/>
          <p:cNvSpPr/>
          <p:nvPr>
            <p:custDataLst>
              <p:tags r:id="rId59"/>
            </p:custDataLst>
          </p:nvPr>
        </p:nvSpPr>
        <p:spPr>
          <a:xfrm rot="10800000">
            <a:off x="3052834" y="4108450"/>
            <a:ext cx="228600" cy="254000"/>
          </a:xfrm>
          <a:prstGeom prst="triangle">
            <a:avLst/>
          </a:prstGeom>
          <a:solidFill>
            <a:schemeClr val="accent3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209" name="208 CuadroTexto">
            <a:hlinkClick r:id="rId82"/>
          </p:cNvPr>
          <p:cNvSpPr txBox="1"/>
          <p:nvPr>
            <p:custDataLst>
              <p:tags r:id="rId60"/>
            </p:custDataLst>
          </p:nvPr>
        </p:nvSpPr>
        <p:spPr>
          <a:xfrm>
            <a:off x="2581876" y="4553621"/>
            <a:ext cx="1250950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Petición de Derechos</a:t>
            </a:r>
            <a:endParaRPr lang="es-UY" sz="1100" b="1" dirty="0"/>
          </a:p>
        </p:txBody>
      </p:sp>
      <p:sp>
        <p:nvSpPr>
          <p:cNvPr id="212" name="211 CuadroTexto"/>
          <p:cNvSpPr txBox="1"/>
          <p:nvPr>
            <p:custDataLst>
              <p:tags r:id="rId61"/>
            </p:custDataLst>
          </p:nvPr>
        </p:nvSpPr>
        <p:spPr>
          <a:xfrm>
            <a:off x="3047271" y="4367309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28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214" name="213 Triángulo isósceles"/>
          <p:cNvSpPr/>
          <p:nvPr>
            <p:custDataLst>
              <p:tags r:id="rId62"/>
            </p:custDataLst>
          </p:nvPr>
        </p:nvSpPr>
        <p:spPr>
          <a:xfrm rot="10800000">
            <a:off x="2817964" y="2857500"/>
            <a:ext cx="228600" cy="254000"/>
          </a:xfrm>
          <a:prstGeom prst="triangle">
            <a:avLst/>
          </a:prstGeom>
          <a:solidFill>
            <a:schemeClr val="accent1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216" name="215 CuadroTexto">
            <a:hlinkClick r:id="rId83"/>
          </p:cNvPr>
          <p:cNvSpPr txBox="1"/>
          <p:nvPr>
            <p:custDataLst>
              <p:tags r:id="rId63"/>
            </p:custDataLst>
          </p:nvPr>
        </p:nvSpPr>
        <p:spPr>
          <a:xfrm>
            <a:off x="2679322" y="1353221"/>
            <a:ext cx="488950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Carlos I </a:t>
            </a:r>
            <a:endParaRPr lang="es-UY" sz="1100" b="1" dirty="0"/>
          </a:p>
        </p:txBody>
      </p:sp>
      <p:sp>
        <p:nvSpPr>
          <p:cNvPr id="218" name="217 CuadroTexto"/>
          <p:cNvSpPr txBox="1"/>
          <p:nvPr>
            <p:custDataLst>
              <p:tags r:id="rId64"/>
            </p:custDataLst>
          </p:nvPr>
        </p:nvSpPr>
        <p:spPr>
          <a:xfrm>
            <a:off x="2793351" y="1484409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25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220" name="219 Triángulo isósceles"/>
          <p:cNvSpPr/>
          <p:nvPr>
            <p:custDataLst>
              <p:tags r:id="rId65"/>
            </p:custDataLst>
          </p:nvPr>
        </p:nvSpPr>
        <p:spPr>
          <a:xfrm rot="10800000">
            <a:off x="1067196" y="2844800"/>
            <a:ext cx="228600" cy="254000"/>
          </a:xfrm>
          <a:prstGeom prst="triangle">
            <a:avLst/>
          </a:prstGeom>
          <a:solidFill>
            <a:srgbClr val="0072BC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222" name="221 CuadroTexto">
            <a:hlinkClick r:id="rId84"/>
          </p:cNvPr>
          <p:cNvSpPr txBox="1"/>
          <p:nvPr>
            <p:custDataLst>
              <p:tags r:id="rId66"/>
            </p:custDataLst>
          </p:nvPr>
        </p:nvSpPr>
        <p:spPr>
          <a:xfrm>
            <a:off x="973268" y="1156371"/>
            <a:ext cx="496887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Jacobo I</a:t>
            </a:r>
            <a:endParaRPr lang="es-UY" sz="1100" b="1" dirty="0"/>
          </a:p>
        </p:txBody>
      </p:sp>
      <p:sp>
        <p:nvSpPr>
          <p:cNvPr id="224" name="223 CuadroTexto"/>
          <p:cNvSpPr txBox="1"/>
          <p:nvPr>
            <p:custDataLst>
              <p:tags r:id="rId67"/>
            </p:custDataLst>
          </p:nvPr>
        </p:nvSpPr>
        <p:spPr>
          <a:xfrm>
            <a:off x="1079571" y="1287559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03</a:t>
            </a:r>
            <a:endParaRPr lang="es-UY" sz="1000" dirty="0">
              <a:solidFill>
                <a:srgbClr val="1F497E"/>
              </a:solidFill>
            </a:endParaRPr>
          </a:p>
        </p:txBody>
      </p:sp>
      <p:sp>
        <p:nvSpPr>
          <p:cNvPr id="86" name="85 CuadroTexto"/>
          <p:cNvSpPr txBox="1"/>
          <p:nvPr>
            <p:custDataLst>
              <p:tags r:id="rId68"/>
            </p:custDataLst>
          </p:nvPr>
        </p:nvSpPr>
        <p:spPr>
          <a:xfrm>
            <a:off x="4080877" y="5538885"/>
            <a:ext cx="262892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s-UY" sz="1000" dirty="0" smtClean="0">
                <a:solidFill>
                  <a:srgbClr val="1F497E"/>
                </a:solidFill>
              </a:rPr>
              <a:t>1642</a:t>
            </a:r>
            <a:endParaRPr lang="es-UY" sz="1000" dirty="0">
              <a:solidFill>
                <a:srgbClr val="1F497E"/>
              </a:solidFill>
            </a:endParaRPr>
          </a:p>
        </p:txBody>
      </p:sp>
      <p:cxnSp>
        <p:nvCxnSpPr>
          <p:cNvPr id="88" name="87 Conector recto"/>
          <p:cNvCxnSpPr/>
          <p:nvPr/>
        </p:nvCxnSpPr>
        <p:spPr>
          <a:xfrm>
            <a:off x="4201217" y="3427730"/>
            <a:ext cx="0" cy="186182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88 Triángulo isósceles"/>
          <p:cNvSpPr/>
          <p:nvPr>
            <p:custDataLst>
              <p:tags r:id="rId69"/>
            </p:custDataLst>
          </p:nvPr>
        </p:nvSpPr>
        <p:spPr>
          <a:xfrm rot="10800000">
            <a:off x="4103427" y="5283200"/>
            <a:ext cx="228600" cy="254000"/>
          </a:xfrm>
          <a:prstGeom prst="triangle">
            <a:avLst/>
          </a:prstGeom>
          <a:solidFill>
            <a:schemeClr val="accent5"/>
          </a:solidFill>
          <a:ln>
            <a:noFill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UY"/>
          </a:p>
        </p:txBody>
      </p:sp>
      <p:sp>
        <p:nvSpPr>
          <p:cNvPr id="92" name="91 CuadroTexto"/>
          <p:cNvSpPr txBox="1"/>
          <p:nvPr>
            <p:custDataLst>
              <p:tags r:id="rId70"/>
            </p:custDataLst>
          </p:nvPr>
        </p:nvSpPr>
        <p:spPr>
          <a:xfrm>
            <a:off x="3607061" y="5685814"/>
            <a:ext cx="1230312" cy="1388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s-UY" sz="1100" b="1" dirty="0" smtClean="0"/>
              <a:t>Guerra Civil</a:t>
            </a:r>
            <a:endParaRPr lang="es-UY" sz="1100" b="1" dirty="0"/>
          </a:p>
        </p:txBody>
      </p:sp>
      <p:sp>
        <p:nvSpPr>
          <p:cNvPr id="2" name="AutoShape 2" descr="http://hoocher.com/Oliver_Cromwell/Oliver_Cromwell_Two.jpg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s-UY"/>
          </a:p>
        </p:txBody>
      </p:sp>
      <p:pic>
        <p:nvPicPr>
          <p:cNvPr id="1030" name="Picture 6" descr="http://www.artehistoria.com/v2/jpg/CDJ11109.jpg"/>
          <p:cNvPicPr>
            <a:picLocks noChangeAspect="1" noChangeArrowheads="1"/>
          </p:cNvPicPr>
          <p:nvPr/>
        </p:nvPicPr>
        <p:blipFill>
          <a:blip r:embed="rId85" cstate="print"/>
          <a:srcRect l="29256" r="19610" b="55224"/>
          <a:stretch>
            <a:fillRect/>
          </a:stretch>
        </p:blipFill>
        <p:spPr bwMode="auto">
          <a:xfrm>
            <a:off x="845338" y="355600"/>
            <a:ext cx="729461" cy="948267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1032" name="Picture 8" descr="http://www.buscabiografias.com/img/people/Carlos_I_de_Inglaterra.jpg"/>
          <p:cNvPicPr>
            <a:picLocks noChangeAspect="1" noChangeArrowheads="1"/>
          </p:cNvPicPr>
          <p:nvPr/>
        </p:nvPicPr>
        <p:blipFill>
          <a:blip r:embed="rId86" cstate="print"/>
          <a:srcRect/>
          <a:stretch>
            <a:fillRect/>
          </a:stretch>
        </p:blipFill>
        <p:spPr bwMode="auto">
          <a:xfrm>
            <a:off x="2512069" y="516468"/>
            <a:ext cx="731942" cy="880532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1028" name="Picture 4" descr="http://hoocher.com/Oliver_Cromwell/Oliver_Cromwell_Two.jpg"/>
          <p:cNvPicPr>
            <a:picLocks noChangeAspect="1" noChangeArrowheads="1"/>
          </p:cNvPicPr>
          <p:nvPr/>
        </p:nvPicPr>
        <p:blipFill>
          <a:blip r:embed="rId87" cstate="print"/>
          <a:srcRect/>
          <a:stretch>
            <a:fillRect/>
          </a:stretch>
        </p:blipFill>
        <p:spPr bwMode="auto">
          <a:xfrm>
            <a:off x="4841876" y="1219201"/>
            <a:ext cx="685885" cy="698499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1036" name="Picture 12" descr="https://upload.wikimedia.org/wikipedia/commons/thumb/0/02/James_II_1633-1701.jpg/260px-James_II_1633-1701.jpg"/>
          <p:cNvPicPr>
            <a:picLocks noChangeAspect="1" noChangeArrowheads="1"/>
          </p:cNvPicPr>
          <p:nvPr/>
        </p:nvPicPr>
        <p:blipFill>
          <a:blip r:embed="rId88" cstate="print"/>
          <a:srcRect l="19017" r="21154" b="44674"/>
          <a:stretch>
            <a:fillRect/>
          </a:stretch>
        </p:blipFill>
        <p:spPr bwMode="auto">
          <a:xfrm>
            <a:off x="7137402" y="5274203"/>
            <a:ext cx="937556" cy="1050397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1038" name="Picture 14" descr="https://upload.wikimedia.org/wikipedia/commons/thumb/0/07/William_III_of_England.jpg/245px-William_III_of_England.jpg"/>
          <p:cNvPicPr>
            <a:picLocks noChangeAspect="1" noChangeArrowheads="1"/>
          </p:cNvPicPr>
          <p:nvPr/>
        </p:nvPicPr>
        <p:blipFill>
          <a:blip r:embed="rId89" cstate="print"/>
          <a:srcRect l="28889" t="7176" r="32290" b="58636"/>
          <a:stretch>
            <a:fillRect/>
          </a:stretch>
        </p:blipFill>
        <p:spPr bwMode="auto">
          <a:xfrm>
            <a:off x="7416800" y="0"/>
            <a:ext cx="905933" cy="1016000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3" name="Picture 2" descr="https://upload.wikimedia.org/wikipedia/commons/1/10/King_Charles_II_%28Lely%29.jpg"/>
          <p:cNvPicPr>
            <a:picLocks noChangeAspect="1" noChangeArrowheads="1"/>
          </p:cNvPicPr>
          <p:nvPr/>
        </p:nvPicPr>
        <p:blipFill rotWithShape="1">
          <a:blip r:embed="rId9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1054" b="23418"/>
          <a:stretch/>
        </p:blipFill>
        <p:spPr bwMode="auto">
          <a:xfrm>
            <a:off x="5180076" y="5469103"/>
            <a:ext cx="1264746" cy="1436341"/>
          </a:xfrm>
          <a:prstGeom prst="ellipse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CwgMTE0LCAxODg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jE0MDdkMWVhLTljMDktNGVmYi04ZTEwLTk4YTg0OTc3ZDUyZiIsIlRpdGxlTGVmdCI6MjExLjYzNjkzMiwiVGl0bGVUb3AiOjE5OS4yMTk1MjgsIlRpdGxlSGVpZ2h0IjoxMC42NjMxNSwiVGl0bGVUb3BJc0N1c3RvbSI6ZmFsc2UsIlRpdGxlV2lkdGgiOjM4LjUsIkNvbG9yIjoiNzksIDEyOSwgMTg5IiwiVXRjRGF0ZSI6IjE2MjUtMDYtMDJUMDA6MDA6MDBaIiwiTm90ZSI6bnVsbCwiVGl0bGUiOiJDYXJsb3MgSSAiLCJTdHlsZSI6MC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NTUsIDE4NywgODk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jIzMTdkZDAxLWVlYzEtNDQ0Ni1iNzdiLTMzYmY5Mjg5YWYzNCIsIlRpdGxlTGVmdCI6MjA5LjY4MDM4OSwiVGl0bGVUb3AiOjE4OC41NTY0NTgsIlRpdGxlSGVpZ2h0IjoyMS4zMjYyMiwiVGl0bGVUb3BJc0N1c3RvbSI6ZmFsc2UsIlRpdGxlV2lkdGgiOjkxLjg3NTA0LCJDb2xvciI6IjEyOCwgMTAwLCAxNjIiLCJVdGNEYXRlIjoiMTYyOS0wNi0xNlQwMDowMDowMFoiLCJOb3RlIjpudWxsLCJUaXRsZSI6IkluaWNpbyBkZWwgR29iaWVybm8gcGVyc29uYWwgZGUgQ2FybG9zIEkiLCJTdHlsZSI6MC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EyOCwgMTAwLCAxNjI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mIzZjI0Y2FhLWZjMjYtNDdhMi04OGFkLWI5MWUxM2I2NDVjMiIsIlRpdGxlTGVmdCI6MjY5LjkxNzAyMywiVGl0bGVUb3AiOjE3Ny44OTMzODcsIlRpdGxlSGVpZ2h0IjozMS45ODkzNywiVGl0bGVUb3BJc0N1c3RvbSI6ZmFsc2UsIlRpdGxlV2lkdGgiOjEwNi4zNzUwMzgsIkNvbG9yIjoiNzUsIDE3MiwgMTk4IiwiVXRjRGF0ZSI6IjE2NDAtMDYtMjNUMDA6MDA6MDBaIiwiTm90ZSI6bnVsbCwiVGl0bGUiOiJSZWJlbGnDs24gZXNjb2Nlc2E6IEZpbmFsaXphIGVsIGdvYmllcm5vIHNpbiBQYXJsYW1lbnRvIGRlIENhcmxvcyBJ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NSwgMTcyLCAxOTg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jVjOWVmYjdlLTJlNmYtNGI4Zi05MTdmLTY4YWRhNmJjNGYwOCIsIlRpdGxlTGVmdCI6MzExLjUyMDUzOCwiVGl0bGVUb3AiOjE5OS4yMTk1MjgsIlRpdGxlSGVpZ2h0IjoxMC42NjMxNSwiVGl0bGVUb3BJc0N1c3RvbSI6ZmFsc2UsIlRpdGxlV2lkdGgiOjk2Ljg3NDk2LCJDb2xvciI6IjI0NywgMTUwLCA3MCIsIlV0Y0RhdGUiOiIxNjQ2LTA2LTMwVDAwOjAwOjAwWiIsIk5vdGUiOm51bGwsIlRpdGxlIjoiQ2FybG9zIEkgZXMgZGVycm90YWRv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yNDcsIDE1MCwgNzA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mUxYzYyZWNmLTQ3MTctNGMwZi04OTI1LWU5OGI3Mjg3OWZhYSIsIlRpdGxlTGVmdCI6MzIwLjg4OTM3NCwiVGl0bGVUb3AiOjE3Ny44OTMzODcsIlRpdGxlSGVpZ2h0IjozMS45ODkzNywiVGl0bGVUb3BJc0N1c3RvbSI6ZmFsc2UsIlRpdGxlV2lkdGgiOjExNS4xMjQ5NjIsIkNvbG9yIjoiMzEsIDczLCAxMjUiLCJVdGNEYXRlIjoiMTY0OS0wNy0wN1QwMDowMDowMFoiLCJOb3RlIjpudWxsLCJUaXRsZSI6IkRlY2FwaXRhY2nDs24gZGUgQ2FybG9zIEktIE5hY2UgbGEgUmVww7pibGljYSAoQ29tbW9ud2VhbHRoKSIsIlN0eWxlIjow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zEsIDczLCAxMjU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jE0Y2FmMWVkLTJmYWMtNDU0YS04MDIyLTc4MWFiMGQ5MTA5YyIsIlRpdGxlTGVmdCI6MzQ0LjU1OSwiVGl0bGVUb3AiOjE5OS4yMTk1MjgsIlRpdGxlSGVpZ2h0IjoxMC42NjMxNSwiVGl0bGVUb3BJc0N1c3RvbSI6ZmFsc2UsIlRpdGxlV2lkdGgiOjkyLjUsIkNvbG9yIjoiNzksIDEyOSwgMTg5IiwiVXRjRGF0ZSI6IjE2NTEtMDctMTRUMDA6MDA6MDBaIiwiTm90ZSI6bnVsbCwiVGl0bGUiOiJBY3RhIGRlIE5hdmVnYWNpw7Nu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jZhNWRkY2Q0LWM2YmQtNGJjZi1hNWM2LTM4MTgyY2ZhMGY5OCIsIlRpdGxlTGVmdCI6MzQ5LjU1Nzg2MSwiVGl0bGVUb3AiOjE5OS4yMTk1MjgsIlRpdGxlSGVpZ2h0IjoxMC42NjMxNSwiVGl0bGVUb3BJc0N1c3RvbSI6ZmFsc2UsIlRpdGxlV2lkdGgiOjEwNy4yNSwiQ29sb3IiOiIxOTIsIDgwLCA3NyIsIlV0Y0RhdGUiOiIxNjUzLTA3LTIxVDAwOjAwOjAwWiIsIk5vdGUiOm51bGwsIlRpdGxlIjoiRGljdGFkdXJhIGRlIENyb213ZWxs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NTUsIDE4NywgODk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mEzMzg1YWM0LTNhNDgtNDA1ZC1hZDM0LWM3NzU4YjNmNDI3MyIsIlRpdGxlTGVmdCI6NTI3LjUxMDYsIlRpdGxlVG9wIjoxOTkuMjE5NTI4LCJUaXRsZUhlaWdodCI6MTAuNjYzMTUsIlRpdGxlVG9wSXNDdXN0b20iOmZhbHNlLCJUaXRsZVdpZHRoIjo3MC4yNSwiQ29sb3IiOiIxMjgsIDEwMCwgMTYyIiwiVXRjRGF0ZSI6IjE2NzktMDgtMDRUMDA6MDA6MDBaIiwiTm90ZSI6bnVsbCwiVGl0bGUiOiJIYWJlYXMgQ29ycHVz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yNDcsIDE1MCwgNzA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jFiMTY5YmY1LWIzNmUtNDdlOC1hYzgwLTQ5NzIzZmYwOTAzOSIsIlRpdGxlTGVmdCI6NTYzLjg2MTkzOCwiVGl0bGVUb3AiOjE3Ny44OTMzODcsIlRpdGxlSGVpZ2h0IjozMS45ODkzNywiVGl0bGVUb3BJc0N1c3RvbSI6ZmFsc2UsIlRpdGxlV2lkdGgiOjEyMC43NSwiQ29sb3IiOiIzMSwgNzMsIDEyNSIsIlV0Y0RhdGUiOiIxNjg5LTA4LTI1VDAwOjAwOjAwWiIsIk5vdGUiOm51bGwsIlRpdGxlIjoiRGVjbGFyYWNpw7NuIGRlIERlcmVjaG9zIC0gUmVpbmFuIEd1aWxsZXJtbyBkZSBPcmFuZ2UgeSBNYXLDrWEu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TbWFydFBlcmNlbnRhZ2VDb21wbGV0ZWRGb3JlZ3JvdW5kIjoi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U2NhbGVTZXR0aW5ncyI6eyJEYXRlRm9ybWF0IjoiTU1NIiwiSW50ZXJ2YWxUeXBlIjo0LCJVc2VBdXRvbWF0aWNUaW1lU2NhbGUiOnRydWUsIkN1c3RvbVRpbWVTY2FsZVV0Y1N0YXJ0RGF0ZSI6IjE2MDMtMDUtMjZUMDA6MDA6MDBaIiwiQ3VzdG9tVGltZVNjYWxlVXRjRW5kRGF0ZSI6IjE2ODktMDgtMjVUMDA6MDA6MDBaIn19LCJUaW1lYmFuZFZlcnRpY2FsUG9zaXRpb24iOnsiUXVpY2tQb3NpdGlvbiI6MSwiUmVsYXRpdmVQb3NpdGlvbiI6NDQuNDQ0NDQyNywiQWJzb2x1dGVQb3NpdGlvbiI6MjQwLjAsIlByZXZpb3VzQWJzb2x1dGVQb3NpdGlvbiI6MjQw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64</TotalTime>
  <Words>110</Words>
  <Application>Microsoft Office PowerPoint</Application>
  <PresentationFormat>Presentación en pantalla (4:3)</PresentationFormat>
  <Paragraphs>44</Paragraphs>
  <Slides>1</Slides>
  <Notes>0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2" baseType="lpstr">
      <vt:lpstr>Tema de Office</vt:lpstr>
      <vt:lpstr>Presentación de PowerPoint</vt:lpstr>
    </vt:vector>
  </TitlesOfParts>
  <Company>Hewlett-Packard Company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apositiva 1</dc:title>
  <dc:creator>Sergio Daniel Barragán Cardozo</dc:creator>
  <cp:lastModifiedBy>Daniel Barragan</cp:lastModifiedBy>
  <cp:revision>20</cp:revision>
  <dcterms:created xsi:type="dcterms:W3CDTF">2015-05-27T01:35:09Z</dcterms:created>
  <dcterms:modified xsi:type="dcterms:W3CDTF">2017-07-09T15:28:31Z</dcterms:modified>
</cp:coreProperties>
</file>